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75" d="100"/>
          <a:sy n="75" d="100"/>
        </p:scale>
        <p:origin x="1968" y="43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2-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2-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emsted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Lettertype, Graphics&#10;&#10;Automatisch gegenereerde beschrijving">
            <a:extLst>
              <a:ext uri="{FF2B5EF4-FFF2-40B4-BE49-F238E27FC236}">
                <a16:creationId xmlns:a16="http://schemas.microsoft.com/office/drawing/2014/main" id="{9C389F15-5AD9-FA67-9823-581D1B76DD1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83233" y="4566137"/>
            <a:ext cx="1969681" cy="203665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Lettertype, Graphics&#10;&#10;Automatisch gegenereerde beschrijving">
            <a:extLst>
              <a:ext uri="{FF2B5EF4-FFF2-40B4-BE49-F238E27FC236}">
                <a16:creationId xmlns:a16="http://schemas.microsoft.com/office/drawing/2014/main" id="{F11684A9-7007-E550-6D21-76DF41717B9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46051" y="3868338"/>
            <a:ext cx="1403624" cy="145134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4-22T14:14:07Z</dcterms:modified>
</cp:coreProperties>
</file>